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8"/>
  </p:notesMasterIdLst>
  <p:sldIdLst>
    <p:sldId id="343" r:id="rId2"/>
    <p:sldId id="348" r:id="rId3"/>
    <p:sldId id="352" r:id="rId4"/>
    <p:sldId id="354" r:id="rId5"/>
    <p:sldId id="355" r:id="rId6"/>
    <p:sldId id="351" r:id="rId7"/>
  </p:sldIdLst>
  <p:sldSz cx="12192000" cy="6858000"/>
  <p:notesSz cx="6858000" cy="9144000"/>
  <p:custDataLst>
    <p:tags r:id="rId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166884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6509788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9932305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hyperlink" Target="javascript:window.open('/next_lesson/5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44177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Barriers to Reporting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can stop them from reporting?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1491751"/>
            <a:ext cx="2896695" cy="885146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419725" y="1064302"/>
            <a:ext cx="7105337" cy="5561350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There are several barriers to reporting, some that to the beneficiaries like: </a:t>
            </a:r>
            <a:endParaRPr lang="en-US" sz="2400" dirty="0" smtClean="0">
              <a:solidFill>
                <a:schemeClr val="tx1"/>
              </a:solidFill>
            </a:endParaRPr>
          </a:p>
          <a:p>
            <a:endParaRPr lang="en-US" sz="2400" dirty="0">
              <a:solidFill>
                <a:schemeClr val="tx1"/>
              </a:solidFill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 smtClean="0">
                <a:solidFill>
                  <a:schemeClr val="tx1"/>
                </a:solidFill>
              </a:rPr>
              <a:t>Stigma</a:t>
            </a:r>
            <a:endParaRPr lang="en-US" sz="2400" dirty="0">
              <a:solidFill>
                <a:schemeClr val="tx1"/>
              </a:solidFill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Sham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Fear of retaliation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Fear of losing assistanc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Not knowing how to report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Lack of trust in reporting mechanisms, etc.</a:t>
            </a:r>
          </a:p>
          <a:p>
            <a:pPr algn="ctr"/>
            <a:endParaRPr lang="en-US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79501" y="659567"/>
            <a:ext cx="3411567" cy="1042476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725227" y="1379095"/>
            <a:ext cx="6185239" cy="2953062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Thus, as aid workers we should always create a safe space for beneficiaries for them to be able to open up when they face any difficulty</a:t>
            </a:r>
            <a:r>
              <a:rPr lang="en-US" sz="2400" dirty="0" smtClean="0">
                <a:solidFill>
                  <a:schemeClr val="tx1"/>
                </a:solidFill>
              </a:rPr>
              <a:t>.</a:t>
            </a:r>
            <a:endParaRPr lang="en-US" sz="2400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60524" y="348836"/>
            <a:ext cx="3231476" cy="98744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7348674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710237" y="1394085"/>
            <a:ext cx="6709894" cy="4036103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</a:rPr>
              <a:t>But </a:t>
            </a:r>
            <a:r>
              <a:rPr lang="en-US" sz="2400" dirty="0">
                <a:solidFill>
                  <a:schemeClr val="tx1"/>
                </a:solidFill>
              </a:rPr>
              <a:t>there are some others that apply to aid workers too. When we talk about SEA, we are talking about a misconduct done by a any humanitarian worker.</a:t>
            </a:r>
          </a:p>
          <a:p>
            <a:r>
              <a:rPr lang="en-US" sz="2400" dirty="0">
                <a:solidFill>
                  <a:schemeClr val="tx1"/>
                </a:solidFill>
              </a:rPr>
              <a:t>So if you learn about a misconduct done by a colleague you still need to report to protect the victim and the organization</a:t>
            </a:r>
            <a:r>
              <a:rPr lang="en-US" sz="2400" dirty="0" smtClean="0">
                <a:solidFill>
                  <a:schemeClr val="tx1"/>
                </a:solidFill>
              </a:rPr>
              <a:t>.</a:t>
            </a:r>
            <a:endParaRPr lang="en-US" sz="2400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60524" y="348836"/>
            <a:ext cx="3231476" cy="98744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0893299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39908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605306" y="2308484"/>
            <a:ext cx="6754865" cy="1729490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</a:rPr>
              <a:t>Always refrain </a:t>
            </a:r>
            <a:r>
              <a:rPr lang="en-US" sz="2400" dirty="0">
                <a:solidFill>
                  <a:schemeClr val="tx1"/>
                </a:solidFill>
              </a:rPr>
              <a:t>from talking to the perpetrator about it, this might increase the risks</a:t>
            </a:r>
            <a:r>
              <a:rPr lang="en-US" sz="2400" dirty="0" smtClean="0">
                <a:solidFill>
                  <a:schemeClr val="tx1"/>
                </a:solidFill>
              </a:rPr>
              <a:t>.</a:t>
            </a:r>
            <a:endParaRPr lang="en-US" sz="2400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60524" y="348836"/>
            <a:ext cx="3231476" cy="98744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0043598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51056" y="729464"/>
            <a:ext cx="3823134" cy="116823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barriers_reporting"/>
  <p:tag name="ISPRING_PRESENTATION_TITLE" val="barriers_reporting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safeguarding\en\lessons\barriers_reporting"/>
  <p:tag name="ISPRING_RESOURCE_FOLDER" val="C:\Users\hp\Desktop\Projects\Nabad\Nabad\safeguarding\en\lessons\barriers_reporting"/>
  <p:tag name="ISPRING_PRESENTATION_PATH" val="C:\Users\hp\Desktop\Projects\Nabad\Nabad\safeguarding\en\lessons\barriers_reporting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55038A6-A3CD-4214-A16F-75D2DE3BAC5E}:355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E349A08-CF9B-45FE-921C-26EEFC844E35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CAABCA2-9629-450B-9001-6AB2913B662B}:35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97</TotalTime>
  <Words>131</Words>
  <Application>Microsoft Office PowerPoint</Application>
  <PresentationFormat>Widescreen</PresentationFormat>
  <Paragraphs>21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1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rriers_reporting</dc:title>
  <dc:creator>pc</dc:creator>
  <cp:lastModifiedBy>Maher</cp:lastModifiedBy>
  <cp:revision>760</cp:revision>
  <dcterms:created xsi:type="dcterms:W3CDTF">2022-11-16T16:05:09Z</dcterms:created>
  <dcterms:modified xsi:type="dcterms:W3CDTF">2024-09-19T05:32:23Z</dcterms:modified>
</cp:coreProperties>
</file>